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3"/>
  </p:sldMasterIdLst>
  <p:notesMasterIdLst>
    <p:notesMasterId r:id="rId19"/>
  </p:notesMasterIdLst>
  <p:handoutMasterIdLst>
    <p:handoutMasterId r:id="rId20"/>
  </p:handoutMasterIdLst>
  <p:sldIdLst>
    <p:sldId id="256" r:id="rId14"/>
    <p:sldId id="258" r:id="rId15"/>
    <p:sldId id="259" r:id="rId16"/>
    <p:sldId id="260" r:id="rId17"/>
    <p:sldId id="261" r:id="rId18"/>
  </p:sldIdLst>
  <p:sldSz cx="12192000" cy="6858000"/>
  <p:notesSz cx="6858000" cy="9144000"/>
  <p:embeddedFontLst>
    <p:embeddedFont>
      <p:font typeface="AA Zuehlke" panose="02000503060000020004" pitchFamily="2" charset="0"/>
      <p:regular r:id="rId21"/>
      <p:italic r:id="rId22"/>
    </p:embeddedFont>
    <p:embeddedFont>
      <p:font typeface="AA Zuehlke Medium" panose="02000603060000020004" pitchFamily="2" charset="0"/>
      <p:regular r:id="rId23"/>
      <p:italic r:id="rId24"/>
    </p:embeddedFont>
  </p:embeddedFontLst>
  <p:custDataLst>
    <p:tags r:id="rId25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9900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56" autoAdjust="0"/>
    <p:restoredTop sz="94645" autoAdjust="0"/>
  </p:normalViewPr>
  <p:slideViewPr>
    <p:cSldViewPr showGuides="1">
      <p:cViewPr varScale="1">
        <p:scale>
          <a:sx n="54" d="100"/>
          <a:sy n="54" d="100"/>
        </p:scale>
        <p:origin x="102" y="142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font" Target="fonts/font1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handoutMaster" Target="handoutMasters/handoutMaster1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4.fntdata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font" Target="fonts/font3.fntdata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font" Target="fonts/font2.fntdata"/><Relationship Id="rId27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26/08/2019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26/08/2019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300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1983520e-3abb-46c3-8350-16ba74dbd2f5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enko Laptošević</a:t>
            </a:r>
          </a:p>
        </p:txBody>
      </p:sp>
      <p:sp>
        <p:nvSpPr>
          <p:cNvPr id="5" name="text" descr="{&quot;templafy&quot;:{&quot;id&quot;:&quot;45c190a0-50e1-43ca-8fec-1f112e9ace99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onditional Rendering</a:t>
            </a:r>
          </a:p>
        </p:txBody>
      </p:sp>
      <p:sp>
        <p:nvSpPr>
          <p:cNvPr id="6" name="date" descr="{&quot;templafy&quot;:{&quot;id&quot;:&quot;69a5678c-6212-4ca9-9da0-ee6815b77c93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26/08/2019</a:t>
            </a:r>
          </a:p>
        </p:txBody>
      </p:sp>
      <p:sp>
        <p:nvSpPr>
          <p:cNvPr id="7" name="text" descr="{&quot;templafy&quot;:{&quot;id&quot;:&quot;98b5d2e8-ab4f-4d4c-89aa-473388d524cc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endParaRPr lang="en-GB" sz="800" dirty="0" err="1">
              <a:latin typeface="AA Zuehlke" pitchFamily="2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0f2972e9-142c-4def-92fe-797ab497543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38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847c8706-e74e-492c-bfbc-e5c4e6458979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39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19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7" Type="http://schemas.openxmlformats.org/officeDocument/2006/relationships/image" Target="../media/image6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image" Target="../media/image7.png"/><Relationship Id="rId4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noProof="0" dirty="0">
                <a:solidFill>
                  <a:srgbClr val="FF9900"/>
                </a:solidFill>
              </a:rPr>
              <a:t>Lists and keys</a:t>
            </a: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182C3A96-BC36-43C2-BD6A-E8F00921C1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06401" y="1796784"/>
            <a:ext cx="11379199" cy="3040751"/>
          </a:xfrm>
        </p:spPr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sts and key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List is one of primary data structures in JavaScript.</a:t>
            </a:r>
          </a:p>
          <a:p>
            <a:r>
              <a:rPr lang="en-GB" dirty="0"/>
              <a:t>List initialization is done with [ ]</a:t>
            </a:r>
          </a:p>
          <a:p>
            <a:r>
              <a:rPr lang="en-GB" dirty="0"/>
              <a:t>Map is List method, that transforming to new List</a:t>
            </a:r>
          </a:p>
          <a:p>
            <a:r>
              <a:rPr lang="en-GB" dirty="0"/>
              <a:t>How transformation is done is passed as argument of Map method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F9D5FDCE-F654-4F56-8DCC-5C6399CBE57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871864" y="2348880"/>
            <a:ext cx="3009900" cy="247650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81863612-6C73-4EA0-B458-7A2300F8374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618875" y="4001901"/>
            <a:ext cx="4581525" cy="101917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764603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sts and key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Map can be also used and with lambda function:</a:t>
            </a:r>
          </a:p>
          <a:p>
            <a:endParaRPr lang="en-GB" dirty="0"/>
          </a:p>
          <a:p>
            <a:r>
              <a:rPr lang="en-GB" dirty="0"/>
              <a:t>Same principal can be used for components!</a:t>
            </a:r>
          </a:p>
          <a:p>
            <a:r>
              <a:rPr lang="en-GB" dirty="0"/>
              <a:t>We have user data: </a:t>
            </a:r>
          </a:p>
          <a:p>
            <a:endParaRPr lang="en-GB" dirty="0"/>
          </a:p>
          <a:p>
            <a:r>
              <a:rPr lang="en-GB" dirty="0"/>
              <a:t>And User component: 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FA2041F-7221-47CD-AB5E-768A9FA1FC7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486148" y="2348880"/>
            <a:ext cx="5219700" cy="22860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AFA7B77-1CA2-4017-A8FF-8F4CAC3B732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378913" y="3315486"/>
            <a:ext cx="3267075" cy="97155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EAC3D901-7DD6-4705-BA8D-A7F9DA06D67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597988" y="4605785"/>
            <a:ext cx="3048000" cy="14097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62477514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sts and key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Then creating list of user components from user data is done:</a:t>
            </a:r>
          </a:p>
          <a:p>
            <a:endParaRPr lang="en-GB" dirty="0"/>
          </a:p>
          <a:p>
            <a:r>
              <a:rPr lang="en-GB" dirty="0"/>
              <a:t>Good approach for rendering lists is to have 2 components, one as container and other that renders list item.</a:t>
            </a:r>
          </a:p>
          <a:p>
            <a:r>
              <a:rPr lang="en-GB" dirty="0"/>
              <a:t>In out case it would be </a:t>
            </a:r>
            <a:r>
              <a:rPr lang="en-GB" i="1" dirty="0" err="1"/>
              <a:t>UserList</a:t>
            </a:r>
            <a:r>
              <a:rPr lang="en-GB" dirty="0"/>
              <a:t> component as container, and </a:t>
            </a:r>
            <a:r>
              <a:rPr lang="en-GB" i="1" dirty="0"/>
              <a:t>User</a:t>
            </a:r>
            <a:r>
              <a:rPr lang="en-GB" dirty="0"/>
              <a:t> and list item.</a:t>
            </a:r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874B25F5-6B15-45AB-B479-1DB37EE0C11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971798" y="2420888"/>
            <a:ext cx="6248400" cy="27622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45466457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sts and key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When rendering lists, it is good practice to put key on item list.</a:t>
            </a:r>
          </a:p>
          <a:p>
            <a:r>
              <a:rPr lang="en-GB" dirty="0"/>
              <a:t>It help React to render only list item that is changed.</a:t>
            </a:r>
          </a:p>
          <a:p>
            <a:r>
              <a:rPr lang="en-GB" dirty="0"/>
              <a:t>It needs to be passed to component, not added inside render method of component.</a:t>
            </a:r>
          </a:p>
          <a:p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0FAC7DB-EBFE-4309-96D8-0CD781D990A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428873" y="3600057"/>
            <a:ext cx="7334250" cy="219075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3C7EC82C-43A2-48C5-9777-FEEB6AC994A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600573" y="4175578"/>
            <a:ext cx="2990850" cy="140017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55836258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746835488477258","enableDocumentContentUpdater":true,"version":"1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2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1983520e-3abb-46c3-8350-16ba74dbd2f5","elementConfiguration":{"binding":"UserProfile.Name","disableUpdates":false,"type":"text"}},{"type":"shape","id":"45c190a0-50e1-43ca-8fec-1f112e9ace99","elementConfiguration":{"binding":"Form.PresentationTitle","disableUpdates":false,"type":"text"}},{"type":"shape","id":"69a5678c-6212-4ca9-9da0-ee6815b77c93","elementConfiguration":{"binding":"Form.Date","disableUpdates":false,"type":"date"}},{"type":"shape","id":"98b5d2e8-ab4f-4d4c-89aa-473388d524cc","elementConfiguration":{"binding":"Form.Privacy_Information.PrivacyInformation","disableUpdates":false,"type":"text"}},{"type":"shape","id":"0f2972e9-142c-4def-92fe-797ab4975432","elementConfiguration":{"binding":"UserProfile.OFFICE.Company-spelling","disableUpdates":false,"type":"text"}},{"type":"shape","id":"847c8706-e74e-492c-bfbc-e5c4e6458979","elementConfiguration":{"binding":"Form.Date","format":"{{DateFormats.CustomD}}","disableUpdates":false,"type":"date"}}],"transformationConfigurations":[],"templateName":"Empty Zuehlke Template - EN","templateDescription":"Empty presentation 16:9 format EN-UK ","enableDocumentContentUpdater":true,"version":"1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6.xml><?xml version="1.0" encoding="utf-8"?>
<TemplafyFormConfiguration><![CDATA[{"formFields":[{"required":true,"type":"datePicker","name":"Date","label":"Date","helpTexts":{"prefix":"","postfix":""},"spacing":{},"fullyQualifiedName":"Date"},{"dataSource":"PrivacyInformation","displayColumn":"privacyInformation","hideIfNoUserInteractionRequired":false,"distinct":true,"filter":{"column":"iana","otherFieldName":"Language","fullyQualifiedOtherFieldName":"Language","otherFieldColumn":"iana","formReference":"userProfile","operator":"equals"},"required":false,"autoSelectFirstOption":false,"type":"dropDown","name":"Privacy_Information","label":"Privacy","helpTexts":{"prefix":"","postfix":""},"spacing":{},"fullyQualifiedName":"Privacy_Information"},{"required":true,"placeholder":"","lines":0,"type":"textBox","name":"PresentationTitle","label":"Presentation Title","helpTexts":{"prefix":"","postfix":""},"spacing":{},"fullyQualifiedName":"PresentationTitle"}],"formDataEntries":[{"name":"Date","value":"Le5iQ2jK67uNHqr6heTYNw=="},{"name":"PresentationTitle","value":"d+T2Rt+RkaRwuAkZUjMifNOqEssHcfLwg6jE3Easmjw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Props1.xml><?xml version="1.0" encoding="utf-8"?>
<ds:datastoreItem xmlns:ds="http://schemas.openxmlformats.org/officeDocument/2006/customXml" ds:itemID="{842D172F-72A1-4859-BC77-2CA436BA65BB}">
  <ds:schemaRefs/>
</ds:datastoreItem>
</file>

<file path=customXml/itemProps10.xml><?xml version="1.0" encoding="utf-8"?>
<ds:datastoreItem xmlns:ds="http://schemas.openxmlformats.org/officeDocument/2006/customXml" ds:itemID="{F20286E7-AFB5-46A1-AB96-65679B3AA1BC}">
  <ds:schemaRefs/>
</ds:datastoreItem>
</file>

<file path=customXml/itemProps11.xml><?xml version="1.0" encoding="utf-8"?>
<ds:datastoreItem xmlns:ds="http://schemas.openxmlformats.org/officeDocument/2006/customXml" ds:itemID="{BD025234-7289-4C27-A571-406150FB03C1}">
  <ds:schemaRefs/>
</ds:datastoreItem>
</file>

<file path=customXml/itemProps12.xml><?xml version="1.0" encoding="utf-8"?>
<ds:datastoreItem xmlns:ds="http://schemas.openxmlformats.org/officeDocument/2006/customXml" ds:itemID="{A3E538A7-2C3B-49DF-84C6-ED98848AC263}">
  <ds:schemaRefs/>
</ds:datastoreItem>
</file>

<file path=customXml/itemProps2.xml><?xml version="1.0" encoding="utf-8"?>
<ds:datastoreItem xmlns:ds="http://schemas.openxmlformats.org/officeDocument/2006/customXml" ds:itemID="{25CE08FD-F7B6-4F54-8EBC-75735FE238C3}">
  <ds:schemaRefs/>
</ds:datastoreItem>
</file>

<file path=customXml/itemProps3.xml><?xml version="1.0" encoding="utf-8"?>
<ds:datastoreItem xmlns:ds="http://schemas.openxmlformats.org/officeDocument/2006/customXml" ds:itemID="{067CD289-AAE9-47C2-A22E-4A438035E00B}">
  <ds:schemaRefs/>
</ds:datastoreItem>
</file>

<file path=customXml/itemProps4.xml><?xml version="1.0" encoding="utf-8"?>
<ds:datastoreItem xmlns:ds="http://schemas.openxmlformats.org/officeDocument/2006/customXml" ds:itemID="{03575653-F8BF-4601-9883-AE65C74334E5}">
  <ds:schemaRefs/>
</ds:datastoreItem>
</file>

<file path=customXml/itemProps5.xml><?xml version="1.0" encoding="utf-8"?>
<ds:datastoreItem xmlns:ds="http://schemas.openxmlformats.org/officeDocument/2006/customXml" ds:itemID="{CC472C16-D918-4FD1-A8DC-961ED60C4BA4}">
  <ds:schemaRefs/>
</ds:datastoreItem>
</file>

<file path=customXml/itemProps6.xml><?xml version="1.0" encoding="utf-8"?>
<ds:datastoreItem xmlns:ds="http://schemas.openxmlformats.org/officeDocument/2006/customXml" ds:itemID="{9117BA10-B137-4884-BAD1-8347BA164335}">
  <ds:schemaRefs/>
</ds:datastoreItem>
</file>

<file path=customXml/itemProps7.xml><?xml version="1.0" encoding="utf-8"?>
<ds:datastoreItem xmlns:ds="http://schemas.openxmlformats.org/officeDocument/2006/customXml" ds:itemID="{28E46F5B-E3C9-44DA-B3E9-F046D4CF000B}">
  <ds:schemaRefs/>
</ds:datastoreItem>
</file>

<file path=customXml/itemProps8.xml><?xml version="1.0" encoding="utf-8"?>
<ds:datastoreItem xmlns:ds="http://schemas.openxmlformats.org/officeDocument/2006/customXml" ds:itemID="{A2EC8419-F379-4773-AEAA-B1F6C6DDAFFF}">
  <ds:schemaRefs/>
</ds:datastoreItem>
</file>

<file path=customXml/itemProps9.xml><?xml version="1.0" encoding="utf-8"?>
<ds:datastoreItem xmlns:ds="http://schemas.openxmlformats.org/officeDocument/2006/customXml" ds:itemID="{B7278D1B-6F9E-4B26-A3F7-EE67F897F05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0</TotalTime>
  <Words>173</Words>
  <Application>Microsoft Office PowerPoint</Application>
  <PresentationFormat>Widescreen</PresentationFormat>
  <Paragraphs>22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A Zuehlke</vt:lpstr>
      <vt:lpstr>AA Zuehlke Medium</vt:lpstr>
      <vt:lpstr>Symbol</vt:lpstr>
      <vt:lpstr>Zuehlke</vt:lpstr>
      <vt:lpstr>Lists and keys</vt:lpstr>
      <vt:lpstr>Lists and keys</vt:lpstr>
      <vt:lpstr>Lists and keys</vt:lpstr>
      <vt:lpstr>Lists and keys</vt:lpstr>
      <vt:lpstr>Lists and keys</vt:lpstr>
    </vt:vector>
  </TitlesOfParts>
  <Company>Zuehlke Group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Elisabeth Martin / JSR-JPG</dc:creator>
  <dc:description>Template is part of Tempalfy-Zuehlke</dc:description>
  <cp:lastModifiedBy>Laptosevic, Milenko</cp:lastModifiedBy>
  <cp:revision>32</cp:revision>
  <dcterms:created xsi:type="dcterms:W3CDTF">2018-08-08T10:52:37Z</dcterms:created>
  <dcterms:modified xsi:type="dcterms:W3CDTF">2019-08-26T07:20:57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18T14:12:32.7945098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48175192425</vt:lpwstr>
  </property>
  <property fmtid="{D5CDD505-2E9C-101B-9397-08002B2CF9AE}" pid="6" name="TemplafyLanguageCode">
    <vt:lpwstr>en-GB</vt:lpwstr>
  </property>
</Properties>
</file>